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0-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0-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aaksber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CFFF2117-926B-143B-29AE-090C0AF4579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1363" y="5013325"/>
            <a:ext cx="2345273" cy="165576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2E01BB73-FE47-CF37-95CC-217AA9DEACA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32538" y="4133850"/>
            <a:ext cx="1761273" cy="124345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20T09:42:25Z</dcterms:modified>
</cp:coreProperties>
</file>